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varScale="1">
        <p:scale>
          <a:sx n="108" d="100"/>
          <a:sy n="108" d="100"/>
        </p:scale>
        <p:origin x="732" y="9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9-7-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9-7-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somer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F7BF2A99-5310-1F7F-9A46-9E94F6281C59}"/>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29477" y="4825576"/>
            <a:ext cx="1908397" cy="1843512"/>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FACBB406-D5A2-67CE-818E-B3058CA21A5A}"/>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49400" y="4199137"/>
            <a:ext cx="1242694" cy="1200443"/>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4</cp:revision>
  <dcterms:created xsi:type="dcterms:W3CDTF">2019-07-30T10:24:44Z</dcterms:created>
  <dcterms:modified xsi:type="dcterms:W3CDTF">2024-07-09T08:09:41Z</dcterms:modified>
</cp:coreProperties>
</file>